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348\Desktop\"/>
    </mc:Choice>
  </mc:AlternateContent>
  <bookViews>
    <workbookView xWindow="480" yWindow="30" windowWidth="10755" windowHeight="5580"/>
  </bookViews>
  <sheets>
    <sheet name="Sheet1" sheetId="1" r:id="rId1"/>
  </sheets>
  <definedNames>
    <definedName name="_xlnm.Print_Area" localSheetId="0">Sheet1!$A$1:$M$6</definedName>
  </definedNames>
  <calcPr calcId="145621"/>
</workbook>
</file>

<file path=xl/sharedStrings.xml><?xml version="1.0" encoding="utf-8"?>
<sst xmlns="http://schemas.openxmlformats.org/spreadsheetml/2006/main" count="15" uniqueCount="15">
  <si>
    <t>合計</t>
    <rPh sb="0" eb="2">
      <t>ゴウケイ</t>
    </rPh>
    <phoneticPr fontId="2"/>
  </si>
  <si>
    <t>本センター（松江）</t>
    <rPh sb="0" eb="1">
      <t>ホン</t>
    </rPh>
    <rPh sb="1" eb="2">
      <t>マツモト</t>
    </rPh>
    <rPh sb="6" eb="8">
      <t>マツエ</t>
    </rPh>
    <phoneticPr fontId="2"/>
  </si>
  <si>
    <t>石見地区相談室（益田）</t>
    <rPh sb="0" eb="2">
      <t>イワミ</t>
    </rPh>
    <rPh sb="2" eb="4">
      <t>チク</t>
    </rPh>
    <rPh sb="4" eb="7">
      <t>ソウダンシツ</t>
    </rPh>
    <rPh sb="8" eb="10">
      <t>マスダ</t>
    </rPh>
    <phoneticPr fontId="2"/>
  </si>
  <si>
    <t>H18年</t>
    <rPh sb="3" eb="4">
      <t>ネン</t>
    </rPh>
    <phoneticPr fontId="2"/>
  </si>
  <si>
    <t>H19年</t>
    <rPh sb="3" eb="4">
      <t>ネン</t>
    </rPh>
    <phoneticPr fontId="2"/>
  </si>
  <si>
    <t>H20年</t>
    <rPh sb="3" eb="4">
      <t>ネン</t>
    </rPh>
    <phoneticPr fontId="2"/>
  </si>
  <si>
    <t>H21年</t>
    <rPh sb="3" eb="4">
      <t>ネン</t>
    </rPh>
    <phoneticPr fontId="2"/>
  </si>
  <si>
    <t>H22年</t>
    <rPh sb="3" eb="4">
      <t>ネン</t>
    </rPh>
    <phoneticPr fontId="2"/>
  </si>
  <si>
    <t>H23年</t>
    <rPh sb="3" eb="4">
      <t>ネン</t>
    </rPh>
    <phoneticPr fontId="2"/>
  </si>
  <si>
    <t>H24年</t>
    <rPh sb="3" eb="4">
      <t>ネン</t>
    </rPh>
    <phoneticPr fontId="2"/>
  </si>
  <si>
    <t>H25年</t>
    <rPh sb="3" eb="4">
      <t>ネン</t>
    </rPh>
    <phoneticPr fontId="2"/>
  </si>
  <si>
    <t>H26年</t>
    <rPh sb="3" eb="4">
      <t>ネン</t>
    </rPh>
    <phoneticPr fontId="2"/>
  </si>
  <si>
    <t>H27年</t>
    <rPh sb="3" eb="4">
      <t>ネン</t>
    </rPh>
    <phoneticPr fontId="2"/>
  </si>
  <si>
    <t>○年度別相談件数推移</t>
    <rPh sb="1" eb="3">
      <t>ネンド</t>
    </rPh>
    <rPh sb="3" eb="4">
      <t>ベツ</t>
    </rPh>
    <rPh sb="4" eb="6">
      <t>ソウダン</t>
    </rPh>
    <rPh sb="6" eb="8">
      <t>ケンスウ</t>
    </rPh>
    <rPh sb="8" eb="10">
      <t>スイイ</t>
    </rPh>
    <phoneticPr fontId="2"/>
  </si>
  <si>
    <t>H28年</t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5" x14ac:knownFonts="1">
    <font>
      <sz val="11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0">
    <xf numFmtId="0" fontId="0" fillId="0" borderId="0" xfId="0">
      <alignment vertical="center"/>
    </xf>
    <xf numFmtId="0" fontId="1" fillId="0" borderId="0" xfId="0" applyFont="1">
      <alignment vertical="center"/>
    </xf>
    <xf numFmtId="0" fontId="0" fillId="0" borderId="0" xfId="0" applyAlignment="1">
      <alignment horizontal="center"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shrinkToFit="1"/>
    </xf>
    <xf numFmtId="176" fontId="3" fillId="0" borderId="1" xfId="0" applyNumberFormat="1" applyFont="1" applyBorder="1" applyAlignment="1">
      <alignment vertical="center" shrinkToFit="1"/>
    </xf>
    <xf numFmtId="0" fontId="1" fillId="0" borderId="1" xfId="0" applyFont="1" applyBorder="1">
      <alignment vertical="center"/>
    </xf>
    <xf numFmtId="0" fontId="3" fillId="0" borderId="1" xfId="0" applyFont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8"/>
  <sheetViews>
    <sheetView tabSelected="1" zoomScaleNormal="100" workbookViewId="0">
      <selection activeCell="P20" sqref="P20"/>
    </sheetView>
  </sheetViews>
  <sheetFormatPr defaultRowHeight="13.5" x14ac:dyDescent="0.15"/>
  <cols>
    <col min="1" max="1" width="22.125" customWidth="1"/>
    <col min="2" max="11" width="7.125" customWidth="1"/>
    <col min="12" max="12" width="7.25" customWidth="1"/>
    <col min="13" max="13" width="6.375" customWidth="1"/>
    <col min="20" max="20" width="17.625" customWidth="1"/>
    <col min="21" max="30" width="7.25" customWidth="1"/>
  </cols>
  <sheetData>
    <row r="1" spans="1:13" s="4" customFormat="1" ht="14.25" x14ac:dyDescent="0.15">
      <c r="A1" s="3" t="s">
        <v>13</v>
      </c>
    </row>
    <row r="2" spans="1:13" s="4" customFormat="1" ht="14.25" x14ac:dyDescent="0.15">
      <c r="A2" s="5"/>
      <c r="B2" s="6" t="s">
        <v>3</v>
      </c>
      <c r="C2" s="6" t="s">
        <v>4</v>
      </c>
      <c r="D2" s="6" t="s">
        <v>5</v>
      </c>
      <c r="E2" s="6" t="s">
        <v>6</v>
      </c>
      <c r="F2" s="6" t="s">
        <v>7</v>
      </c>
      <c r="G2" s="6" t="s">
        <v>8</v>
      </c>
      <c r="H2" s="6" t="s">
        <v>9</v>
      </c>
      <c r="I2" s="6" t="s">
        <v>10</v>
      </c>
      <c r="J2" s="6" t="s">
        <v>11</v>
      </c>
      <c r="K2" s="6" t="s">
        <v>12</v>
      </c>
      <c r="L2" s="6" t="s">
        <v>14</v>
      </c>
      <c r="M2" s="3"/>
    </row>
    <row r="3" spans="1:13" s="4" customFormat="1" ht="14.25" x14ac:dyDescent="0.15">
      <c r="A3" s="6" t="s">
        <v>1</v>
      </c>
      <c r="B3" s="7">
        <v>6982</v>
      </c>
      <c r="C3" s="7">
        <v>6466</v>
      </c>
      <c r="D3" s="7">
        <v>5083</v>
      </c>
      <c r="E3" s="7">
        <v>4827</v>
      </c>
      <c r="F3" s="7">
        <v>3752</v>
      </c>
      <c r="G3" s="7">
        <v>3234</v>
      </c>
      <c r="H3" s="7">
        <v>3164</v>
      </c>
      <c r="I3" s="7">
        <v>3367</v>
      </c>
      <c r="J3" s="7">
        <v>3032</v>
      </c>
      <c r="K3" s="7">
        <v>2882</v>
      </c>
      <c r="L3" s="9">
        <v>2740</v>
      </c>
      <c r="M3" s="3"/>
    </row>
    <row r="4" spans="1:13" s="4" customFormat="1" ht="14.25" x14ac:dyDescent="0.15">
      <c r="A4" s="6" t="s">
        <v>2</v>
      </c>
      <c r="B4" s="7">
        <v>1538</v>
      </c>
      <c r="C4" s="7">
        <v>1478</v>
      </c>
      <c r="D4" s="7">
        <v>1127</v>
      </c>
      <c r="E4" s="7">
        <v>905</v>
      </c>
      <c r="F4" s="7">
        <v>716</v>
      </c>
      <c r="G4" s="7">
        <v>527</v>
      </c>
      <c r="H4" s="7">
        <v>506</v>
      </c>
      <c r="I4" s="7">
        <v>511</v>
      </c>
      <c r="J4" s="7">
        <v>503</v>
      </c>
      <c r="K4" s="7">
        <v>452</v>
      </c>
      <c r="L4" s="9">
        <v>464</v>
      </c>
      <c r="M4" s="3"/>
    </row>
    <row r="5" spans="1:13" s="4" customFormat="1" ht="14.25" x14ac:dyDescent="0.15">
      <c r="A5" s="6" t="s">
        <v>0</v>
      </c>
      <c r="B5" s="8">
        <v>8520</v>
      </c>
      <c r="C5" s="8">
        <v>7944</v>
      </c>
      <c r="D5" s="8">
        <v>6210</v>
      </c>
      <c r="E5" s="8">
        <v>5732</v>
      </c>
      <c r="F5" s="8">
        <v>4468</v>
      </c>
      <c r="G5" s="8">
        <v>3761</v>
      </c>
      <c r="H5" s="8">
        <v>3670</v>
      </c>
      <c r="I5" s="8">
        <v>3878</v>
      </c>
      <c r="J5" s="8">
        <v>3535</v>
      </c>
      <c r="K5" s="8">
        <v>3334</v>
      </c>
      <c r="L5" s="9">
        <v>3204</v>
      </c>
      <c r="M5" s="3"/>
    </row>
    <row r="6" spans="1:13" s="4" customFormat="1" ht="14.25" x14ac:dyDescent="0.15">
      <c r="A6" s="3"/>
      <c r="B6" s="3"/>
      <c r="C6" s="3"/>
      <c r="D6" s="3"/>
      <c r="E6" s="3"/>
      <c r="F6" s="3"/>
      <c r="G6" s="3"/>
      <c r="H6" s="3"/>
      <c r="I6" s="3"/>
      <c r="J6" s="3"/>
      <c r="K6" s="3"/>
      <c r="L6" s="3"/>
      <c r="M6" s="3"/>
    </row>
    <row r="7" spans="1:13" ht="14.25" x14ac:dyDescent="0.15">
      <c r="A7" s="1"/>
      <c r="B7" s="1"/>
      <c r="C7" s="1"/>
      <c r="D7" s="1"/>
      <c r="E7" s="1"/>
      <c r="F7" s="1"/>
      <c r="G7" s="1"/>
      <c r="H7" s="1"/>
      <c r="I7" s="1"/>
      <c r="J7" s="1"/>
      <c r="K7" s="1"/>
      <c r="L7" s="1"/>
      <c r="M7" s="1"/>
    </row>
    <row r="18" s="2" customFormat="1" x14ac:dyDescent="0.15"/>
  </sheetData>
  <phoneticPr fontId="2"/>
  <pageMargins left="0.7" right="0.7" top="0.75" bottom="0.75" header="0.3" footer="0.3"/>
  <pageSetup paperSize="9" scale="8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岡本愛里</dc:creator>
  <cp:lastModifiedBy>Windows ユーザー</cp:lastModifiedBy>
  <dcterms:created xsi:type="dcterms:W3CDTF">2017-02-08T04:01:13Z</dcterms:created>
  <dcterms:modified xsi:type="dcterms:W3CDTF">2018-06-11T07:35:45Z</dcterms:modified>
</cp:coreProperties>
</file>